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2"/>
  </p:notesMasterIdLst>
  <p:handoutMasterIdLst>
    <p:handoutMasterId r:id="rId33"/>
  </p:handoutMasterIdLst>
  <p:sldIdLst>
    <p:sldId id="2061" r:id="rId29"/>
    <p:sldId id="2062" r:id="rId30"/>
    <p:sldId id="2063" r:id="rId31"/>
  </p:sldIdLst>
  <p:sldSz cx="12195175" cy="6858000"/>
  <p:notesSz cx="6858000" cy="9144000"/>
  <p:embeddedFontLst>
    <p:embeddedFont>
      <p:font typeface="72 Brand" panose="020B0504030603020204" pitchFamily="34" charset="0"/>
      <p:regular r:id="rId34"/>
      <p:bold r:id="rId35"/>
      <p:italic r:id="rId36"/>
      <p:boldItalic r:id="rId37"/>
    </p:embeddedFont>
    <p:embeddedFont>
      <p:font typeface="72 Brand Medium" panose="020B0604030603020204" pitchFamily="34" charset="0"/>
      <p:regular r:id="rId38"/>
      <p:italic r:id="rId39"/>
    </p:embeddedFont>
    <p:embeddedFont>
      <p:font typeface="Roboto" panose="02000000000000000000" pitchFamily="2" charset="0"/>
      <p:regular r:id="rId40"/>
      <p:bold r:id="rId41"/>
      <p:italic r:id="rId42"/>
      <p:boldItalic r:id="rId43"/>
    </p:embeddedFont>
  </p:embeddedFontLst>
  <p:custDataLst>
    <p:tags r:id="rId4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3DB9DD1-492C-4E52-B644-B169DA91712C}" v="17" dt="2025-09-10T14:56:35.777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0606" autoAdjust="0"/>
    <p:restoredTop sz="96327" autoAdjust="0"/>
  </p:normalViewPr>
  <p:slideViewPr>
    <p:cSldViewPr snapToGrid="0" showGuides="1">
      <p:cViewPr varScale="1">
        <p:scale>
          <a:sx n="95" d="100"/>
          <a:sy n="95" d="100"/>
        </p:scale>
        <p:origin x="408" y="7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6.fntdata"/><Relationship Id="rId21" Type="http://schemas.openxmlformats.org/officeDocument/2006/relationships/customXml" Target="../customXml/item21.xml"/><Relationship Id="rId34" Type="http://schemas.openxmlformats.org/officeDocument/2006/relationships/font" Target="fonts/font1.fntdata"/><Relationship Id="rId42" Type="http://schemas.openxmlformats.org/officeDocument/2006/relationships/font" Target="fonts/font9.fntdata"/><Relationship Id="rId47" Type="http://schemas.openxmlformats.org/officeDocument/2006/relationships/theme" Target="theme/theme1.xml"/><Relationship Id="rId50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notesMaster" Target="notesMasters/notesMaster1.xml"/><Relationship Id="rId37" Type="http://schemas.openxmlformats.org/officeDocument/2006/relationships/font" Target="fonts/font4.fntdata"/><Relationship Id="rId40" Type="http://schemas.openxmlformats.org/officeDocument/2006/relationships/font" Target="fonts/font7.fntdata"/><Relationship Id="rId45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font" Target="fonts/font3.fntdata"/><Relationship Id="rId49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3.xml"/><Relationship Id="rId44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font" Target="fonts/font2.fntdata"/><Relationship Id="rId43" Type="http://schemas.openxmlformats.org/officeDocument/2006/relationships/font" Target="fonts/font10.fntdata"/><Relationship Id="rId48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handoutMaster" Target="handoutMasters/handoutMaster1.xml"/><Relationship Id="rId38" Type="http://schemas.openxmlformats.org/officeDocument/2006/relationships/font" Target="fonts/font5.fntdata"/><Relationship Id="rId46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utscher, Stefan" userId="73cdda4d-f731-43a9-8b85-458bce51b4f7" providerId="ADAL" clId="{83DB9DD1-492C-4E52-B644-B169DA91712C}"/>
    <pc:docChg chg="undo custSel addSld modSld">
      <pc:chgData name="Butscher, Stefan" userId="73cdda4d-f731-43a9-8b85-458bce51b4f7" providerId="ADAL" clId="{83DB9DD1-492C-4E52-B644-B169DA91712C}" dt="2025-09-10T14:56:39" v="610" actId="1076"/>
      <pc:docMkLst>
        <pc:docMk/>
      </pc:docMkLst>
      <pc:sldChg chg="addSp modSp mod">
        <pc:chgData name="Butscher, Stefan" userId="73cdda4d-f731-43a9-8b85-458bce51b4f7" providerId="ADAL" clId="{83DB9DD1-492C-4E52-B644-B169DA91712C}" dt="2025-09-10T14:48:13.764" v="478" actId="20577"/>
        <pc:sldMkLst>
          <pc:docMk/>
          <pc:sldMk cId="3361468751" sldId="2061"/>
        </pc:sldMkLst>
        <pc:spChg chg="mod">
          <ac:chgData name="Butscher, Stefan" userId="73cdda4d-f731-43a9-8b85-458bce51b4f7" providerId="ADAL" clId="{83DB9DD1-492C-4E52-B644-B169DA91712C}" dt="2025-09-10T14:32:37.482" v="4" actId="14100"/>
          <ac:spMkLst>
            <pc:docMk/>
            <pc:sldMk cId="3361468751" sldId="2061"/>
            <ac:spMk id="2" creationId="{8054B8B0-479C-3374-1847-98FF07FD98FE}"/>
          </ac:spMkLst>
        </pc:spChg>
        <pc:spChg chg="add mod">
          <ac:chgData name="Butscher, Stefan" userId="73cdda4d-f731-43a9-8b85-458bce51b4f7" providerId="ADAL" clId="{83DB9DD1-492C-4E52-B644-B169DA91712C}" dt="2025-09-10T14:41:18.077" v="82" actId="1076"/>
          <ac:spMkLst>
            <pc:docMk/>
            <pc:sldMk cId="3361468751" sldId="2061"/>
            <ac:spMk id="8" creationId="{96075BDA-20B0-B526-D770-838532EFD09E}"/>
          </ac:spMkLst>
        </pc:spChg>
        <pc:spChg chg="add mod">
          <ac:chgData name="Butscher, Stefan" userId="73cdda4d-f731-43a9-8b85-458bce51b4f7" providerId="ADAL" clId="{83DB9DD1-492C-4E52-B644-B169DA91712C}" dt="2025-09-10T14:41:28.164" v="84" actId="1076"/>
          <ac:spMkLst>
            <pc:docMk/>
            <pc:sldMk cId="3361468751" sldId="2061"/>
            <ac:spMk id="9" creationId="{9A487460-855F-AAF0-FBE8-A9BF78C60020}"/>
          </ac:spMkLst>
        </pc:spChg>
        <pc:spChg chg="add mo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2" creationId="{ADC60FFF-DF27-70EB-AE07-5E0A7DA0390D}"/>
          </ac:spMkLst>
        </pc:spChg>
        <pc:spChg chg="add mod or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3" creationId="{38D7D039-AB8C-BF96-7087-B300AC54B34D}"/>
          </ac:spMkLst>
        </pc:spChg>
        <pc:spChg chg="add mod">
          <ac:chgData name="Butscher, Stefan" userId="73cdda4d-f731-43a9-8b85-458bce51b4f7" providerId="ADAL" clId="{83DB9DD1-492C-4E52-B644-B169DA91712C}" dt="2025-09-10T14:48:13.764" v="478" actId="20577"/>
          <ac:spMkLst>
            <pc:docMk/>
            <pc:sldMk cId="3361468751" sldId="2061"/>
            <ac:spMk id="14" creationId="{FF46EFB2-6124-FAFB-828C-30D9E8D94239}"/>
          </ac:spMkLst>
        </pc:spChg>
        <pc:picChg chg="add mod">
          <ac:chgData name="Butscher, Stefan" userId="73cdda4d-f731-43a9-8b85-458bce51b4f7" providerId="ADAL" clId="{83DB9DD1-492C-4E52-B644-B169DA91712C}" dt="2025-09-10T14:41:18.077" v="82" actId="1076"/>
          <ac:picMkLst>
            <pc:docMk/>
            <pc:sldMk cId="3361468751" sldId="2061"/>
            <ac:picMk id="5" creationId="{3FA2DEBC-95BC-C6D2-A473-69B4C22E0453}"/>
          </ac:picMkLst>
        </pc:picChg>
        <pc:picChg chg="add mod">
          <ac:chgData name="Butscher, Stefan" userId="73cdda4d-f731-43a9-8b85-458bce51b4f7" providerId="ADAL" clId="{83DB9DD1-492C-4E52-B644-B169DA91712C}" dt="2025-09-10T14:41:28.164" v="84" actId="1076"/>
          <ac:picMkLst>
            <pc:docMk/>
            <pc:sldMk cId="3361468751" sldId="2061"/>
            <ac:picMk id="7" creationId="{3DC91BF3-2512-3B99-047D-D9B2B5EE7776}"/>
          </ac:picMkLst>
        </pc:picChg>
        <pc:picChg chg="add mod">
          <ac:chgData name="Butscher, Stefan" userId="73cdda4d-f731-43a9-8b85-458bce51b4f7" providerId="ADAL" clId="{83DB9DD1-492C-4E52-B644-B169DA91712C}" dt="2025-09-10T14:41:22.820" v="83" actId="1076"/>
          <ac:picMkLst>
            <pc:docMk/>
            <pc:sldMk cId="3361468751" sldId="2061"/>
            <ac:picMk id="11" creationId="{7CAB873A-9513-7F62-D9B6-AB985CA1F98A}"/>
          </ac:picMkLst>
        </pc:picChg>
      </pc:sldChg>
      <pc:sldChg chg="addSp delSp modSp add mod">
        <pc:chgData name="Butscher, Stefan" userId="73cdda4d-f731-43a9-8b85-458bce51b4f7" providerId="ADAL" clId="{83DB9DD1-492C-4E52-B644-B169DA91712C}" dt="2025-09-10T14:56:39" v="610" actId="1076"/>
        <pc:sldMkLst>
          <pc:docMk/>
          <pc:sldMk cId="2316392955" sldId="2062"/>
        </pc:sldMkLst>
        <pc:spChg chg="mod">
          <ac:chgData name="Butscher, Stefan" userId="73cdda4d-f731-43a9-8b85-458bce51b4f7" providerId="ADAL" clId="{83DB9DD1-492C-4E52-B644-B169DA91712C}" dt="2025-09-10T14:53:46.913" v="551" actId="20577"/>
          <ac:spMkLst>
            <pc:docMk/>
            <pc:sldMk cId="2316392955" sldId="2062"/>
            <ac:spMk id="2" creationId="{E4F9E178-7E28-4179-9EC8-CBA446F56858}"/>
          </ac:spMkLst>
        </pc:spChg>
        <pc:spChg chg="add del mod">
          <ac:chgData name="Butscher, Stefan" userId="73cdda4d-f731-43a9-8b85-458bce51b4f7" providerId="ADAL" clId="{83DB9DD1-492C-4E52-B644-B169DA91712C}" dt="2025-09-10T14:51:42.910" v="517"/>
          <ac:spMkLst>
            <pc:docMk/>
            <pc:sldMk cId="2316392955" sldId="2062"/>
            <ac:spMk id="4" creationId="{125E4BF8-1626-2AAE-20DF-D8075941DAB7}"/>
          </ac:spMkLst>
        </pc:spChg>
        <pc:spChg chg="add mod">
          <ac:chgData name="Butscher, Stefan" userId="73cdda4d-f731-43a9-8b85-458bce51b4f7" providerId="ADAL" clId="{83DB9DD1-492C-4E52-B644-B169DA91712C}" dt="2025-09-10T14:53:14.313" v="550" actId="208"/>
          <ac:spMkLst>
            <pc:docMk/>
            <pc:sldMk cId="2316392955" sldId="2062"/>
            <ac:spMk id="6" creationId="{49CDD4E8-31A8-0662-2195-0E235D51B504}"/>
          </ac:spMkLst>
        </pc:spChg>
        <pc:spChg chg="mod">
          <ac:chgData name="Butscher, Stefan" userId="73cdda4d-f731-43a9-8b85-458bce51b4f7" providerId="ADAL" clId="{83DB9DD1-492C-4E52-B644-B169DA91712C}" dt="2025-09-10T14:49:30.618" v="511" actId="1076"/>
          <ac:spMkLst>
            <pc:docMk/>
            <pc:sldMk cId="2316392955" sldId="2062"/>
            <ac:spMk id="9" creationId="{E40FDEED-0276-A121-5DA6-F904E2232F46}"/>
          </ac:spMkLst>
        </pc:spChg>
        <pc:spChg chg="add del mod">
          <ac:chgData name="Butscher, Stefan" userId="73cdda4d-f731-43a9-8b85-458bce51b4f7" providerId="ADAL" clId="{83DB9DD1-492C-4E52-B644-B169DA91712C}" dt="2025-09-10T14:54:04.263" v="556" actId="478"/>
          <ac:spMkLst>
            <pc:docMk/>
            <pc:sldMk cId="2316392955" sldId="2062"/>
            <ac:spMk id="10" creationId="{34D456EF-2CAD-3344-D031-8DDF27E22D44}"/>
          </ac:spMkLst>
        </pc:spChg>
        <pc:spChg chg="del">
          <ac:chgData name="Butscher, Stefan" userId="73cdda4d-f731-43a9-8b85-458bce51b4f7" providerId="ADAL" clId="{83DB9DD1-492C-4E52-B644-B169DA91712C}" dt="2025-09-10T14:49:17.066" v="509" actId="478"/>
          <ac:spMkLst>
            <pc:docMk/>
            <pc:sldMk cId="2316392955" sldId="2062"/>
            <ac:spMk id="14" creationId="{ACC568DE-C1B9-1DDC-EA7C-3CCEC76385C8}"/>
          </ac:spMkLst>
        </pc:spChg>
        <pc:spChg chg="add del mod">
          <ac:chgData name="Butscher, Stefan" userId="73cdda4d-f731-43a9-8b85-458bce51b4f7" providerId="ADAL" clId="{83DB9DD1-492C-4E52-B644-B169DA91712C}" dt="2025-09-10T14:54:44.068" v="562" actId="478"/>
          <ac:spMkLst>
            <pc:docMk/>
            <pc:sldMk cId="2316392955" sldId="2062"/>
            <ac:spMk id="15" creationId="{33229AF2-5B1C-4F9F-BE56-8D3FCDEF8307}"/>
          </ac:spMkLst>
        </pc:spChg>
        <pc:spChg chg="add mod">
          <ac:chgData name="Butscher, Stefan" userId="73cdda4d-f731-43a9-8b85-458bce51b4f7" providerId="ADAL" clId="{83DB9DD1-492C-4E52-B644-B169DA91712C}" dt="2025-09-10T14:55:23.510" v="575" actId="1076"/>
          <ac:spMkLst>
            <pc:docMk/>
            <pc:sldMk cId="2316392955" sldId="2062"/>
            <ac:spMk id="16" creationId="{BA9D100D-6CD7-5669-21A0-6D5A7D7A563B}"/>
          </ac:spMkLst>
        </pc:spChg>
        <pc:spChg chg="add mod">
          <ac:chgData name="Butscher, Stefan" userId="73cdda4d-f731-43a9-8b85-458bce51b4f7" providerId="ADAL" clId="{83DB9DD1-492C-4E52-B644-B169DA91712C}" dt="2025-09-10T14:56:16.034" v="597" actId="1076"/>
          <ac:spMkLst>
            <pc:docMk/>
            <pc:sldMk cId="2316392955" sldId="2062"/>
            <ac:spMk id="20" creationId="{B875DC43-2159-2EB3-5082-6C3682D8D971}"/>
          </ac:spMkLst>
        </pc:spChg>
        <pc:spChg chg="add mod">
          <ac:chgData name="Butscher, Stefan" userId="73cdda4d-f731-43a9-8b85-458bce51b4f7" providerId="ADAL" clId="{83DB9DD1-492C-4E52-B644-B169DA91712C}" dt="2025-09-10T14:56:31.082" v="608" actId="20577"/>
          <ac:spMkLst>
            <pc:docMk/>
            <pc:sldMk cId="2316392955" sldId="2062"/>
            <ac:spMk id="24" creationId="{6B89F49A-CD4C-CEC8-15C6-D9E11404AFC4}"/>
          </ac:spMkLst>
        </pc:spChg>
        <pc:picChg chg="mod">
          <ac:chgData name="Butscher, Stefan" userId="73cdda4d-f731-43a9-8b85-458bce51b4f7" providerId="ADAL" clId="{83DB9DD1-492C-4E52-B644-B169DA91712C}" dt="2025-09-10T14:49:26.167" v="510" actId="1076"/>
          <ac:picMkLst>
            <pc:docMk/>
            <pc:sldMk cId="2316392955" sldId="2062"/>
            <ac:picMk id="7" creationId="{9D59F38C-6E71-F58E-D554-BFACC343C186}"/>
          </ac:picMkLst>
        </pc:picChg>
        <pc:cxnChg chg="add mod">
          <ac:chgData name="Butscher, Stefan" userId="73cdda4d-f731-43a9-8b85-458bce51b4f7" providerId="ADAL" clId="{83DB9DD1-492C-4E52-B644-B169DA91712C}" dt="2025-09-10T14:55:23.510" v="575" actId="1076"/>
          <ac:cxnSpMkLst>
            <pc:docMk/>
            <pc:sldMk cId="2316392955" sldId="2062"/>
            <ac:cxnSpMk id="18" creationId="{CEC3F0CE-AC6A-1B7B-49AB-F06997D78EC4}"/>
          </ac:cxnSpMkLst>
        </pc:cxnChg>
        <pc:cxnChg chg="add mod">
          <ac:chgData name="Butscher, Stefan" userId="73cdda4d-f731-43a9-8b85-458bce51b4f7" providerId="ADAL" clId="{83DB9DD1-492C-4E52-B644-B169DA91712C}" dt="2025-09-10T14:56:16.034" v="597" actId="1076"/>
          <ac:cxnSpMkLst>
            <pc:docMk/>
            <pc:sldMk cId="2316392955" sldId="2062"/>
            <ac:cxnSpMk id="22" creationId="{16A90A86-5B90-AF67-C4F6-90C7F79BE21C}"/>
          </ac:cxnSpMkLst>
        </pc:cxnChg>
        <pc:cxnChg chg="add mod">
          <ac:chgData name="Butscher, Stefan" userId="73cdda4d-f731-43a9-8b85-458bce51b4f7" providerId="ADAL" clId="{83DB9DD1-492C-4E52-B644-B169DA91712C}" dt="2025-09-10T14:56:39" v="610" actId="1076"/>
          <ac:cxnSpMkLst>
            <pc:docMk/>
            <pc:sldMk cId="2316392955" sldId="2062"/>
            <ac:cxnSpMk id="25" creationId="{28E5B4C5-645F-C91B-FE6F-3095E87191EF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Relationship Id="rId9" Type="http://schemas.openxmlformats.org/officeDocument/2006/relationships/image" Target="../media/image13.sv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Arrow: Right 12">
            <a:extLst>
              <a:ext uri="{FF2B5EF4-FFF2-40B4-BE49-F238E27FC236}">
                <a16:creationId xmlns:a16="http://schemas.microsoft.com/office/drawing/2014/main" id="{38D7D039-AB8C-BF96-7087-B300AC54B34D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Problem Statement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en-US" dirty="0" err="1">
                <a:solidFill>
                  <a:schemeClr val="tx2">
                    <a:lumMod val="60000"/>
                    <a:lumOff val="40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3FA2DEBC-95BC-C6D2-A473-69B4C22E045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3DC91BF3-2512-3B99-047D-D9B2B5EE77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95677" y="193521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96075BDA-20B0-B526-D770-838532EFD09E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A487460-855F-AAF0-FBE8-A9BF78C60020}"/>
              </a:ext>
            </a:extLst>
          </p:cNvPr>
          <p:cNvSpPr txBox="1"/>
          <p:nvPr/>
        </p:nvSpPr>
        <p:spPr>
          <a:xfrm>
            <a:off x="8444625" y="341775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7CAB873A-9513-7F62-D9B6-AB985CA1F98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DC60FFF-DF27-70EB-AE07-5E0A7DA0390D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F46EFB2-6124-FAFB-828C-30D9E8D94239}"/>
              </a:ext>
            </a:extLst>
          </p:cNvPr>
          <p:cNvSpPr txBox="1"/>
          <p:nvPr/>
        </p:nvSpPr>
        <p:spPr>
          <a:xfrm>
            <a:off x="749595" y="4391247"/>
            <a:ext cx="10605977" cy="15234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files are csv files which need to comply with a specific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 all files meet the specification, which can lead to problems and impact customer busines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potential error space is huge, so traditional check logic has limits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urrently analysis is cumbersome in case of errors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8723650-6AC7-7860-2C9B-35A82F5329B0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C580B34-37B8-B2A6-A4E2-54ADDC60ED2A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614687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47FF31-AE02-8EA4-948D-B52922E29A9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TextBox 55">
            <a:extLst>
              <a:ext uri="{FF2B5EF4-FFF2-40B4-BE49-F238E27FC236}">
                <a16:creationId xmlns:a16="http://schemas.microsoft.com/office/drawing/2014/main" id="{6440DB6D-7B23-782F-E3B9-8A5FB7F8FD6D}"/>
              </a:ext>
            </a:extLst>
          </p:cNvPr>
          <p:cNvSpPr txBox="1"/>
          <p:nvPr/>
        </p:nvSpPr>
        <p:spPr>
          <a:xfrm>
            <a:off x="5782914" y="3932088"/>
            <a:ext cx="6093499" cy="2769989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gentX</a:t>
            </a: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7FDE53CC-6CA8-DC23-0FA7-57C7F9CEB671}"/>
              </a:ext>
            </a:extLst>
          </p:cNvPr>
          <p:cNvCxnSpPr>
            <a:cxnSpLocks/>
          </p:cNvCxnSpPr>
          <p:nvPr/>
        </p:nvCxnSpPr>
        <p:spPr>
          <a:xfrm>
            <a:off x="8156412" y="4872503"/>
            <a:ext cx="1776763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9399FF2B-C8E6-0346-93A3-EF46FE8F793D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Arrow: Right 12">
            <a:extLst>
              <a:ext uri="{FF2B5EF4-FFF2-40B4-BE49-F238E27FC236}">
                <a16:creationId xmlns:a16="http://schemas.microsoft.com/office/drawing/2014/main" id="{20A87AE5-C56F-4377-D5B0-68390706716B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E4F9E178-7E28-4179-9EC8-CBA446F5685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– a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multi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agent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system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053B67E7-BCDD-7215-4AB3-B3A8D1A01B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A69E2C7D-EBA5-64B3-7877-AC5ACE7705A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9D59F38C-6E71-F58E-D554-BFACC343C1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380884" y="187389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F5836E81-1AA7-7053-9147-E28F396D4D5F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40FDEED-0276-A121-5DA6-F904E2232F46}"/>
              </a:ext>
            </a:extLst>
          </p:cNvPr>
          <p:cNvSpPr txBox="1"/>
          <p:nvPr/>
        </p:nvSpPr>
        <p:spPr>
          <a:xfrm>
            <a:off x="8529832" y="3346413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3F6D0C40-4D64-42A3-101A-F604897CED8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5CC6A71B-4D78-AB38-FD7C-EDDE059F353B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9CDD4E8-31A8-0662-2195-0E235D51B504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BA9D100D-6CD7-5669-21A0-6D5A7D7A563B}"/>
              </a:ext>
            </a:extLst>
          </p:cNvPr>
          <p:cNvSpPr/>
          <p:nvPr/>
        </p:nvSpPr>
        <p:spPr bwMode="gray">
          <a:xfrm>
            <a:off x="7067993" y="4244380"/>
            <a:ext cx="1100469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Valid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B875DC43-2159-2EB3-5082-6C3682D8D971}"/>
              </a:ext>
            </a:extLst>
          </p:cNvPr>
          <p:cNvSpPr/>
          <p:nvPr/>
        </p:nvSpPr>
        <p:spPr bwMode="gray">
          <a:xfrm>
            <a:off x="9933175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Notific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6B89F49A-CD4C-CEC8-15C6-D9E11404AFC4}"/>
              </a:ext>
            </a:extLst>
          </p:cNvPr>
          <p:cNvSpPr/>
          <p:nvPr/>
        </p:nvSpPr>
        <p:spPr bwMode="gray">
          <a:xfrm>
            <a:off x="8479334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porting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016B4DE-26C7-6D9D-EA8E-D998E438E9F4}"/>
              </a:ext>
            </a:extLst>
          </p:cNvPr>
          <p:cNvCxnSpPr>
            <a:stCxn id="6" idx="2"/>
          </p:cNvCxnSpPr>
          <p:nvPr/>
        </p:nvCxnSpPr>
        <p:spPr>
          <a:xfrm>
            <a:off x="7608483" y="3336637"/>
            <a:ext cx="0" cy="90774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Flowchart: Magnetic Disk 25">
            <a:extLst>
              <a:ext uri="{FF2B5EF4-FFF2-40B4-BE49-F238E27FC236}">
                <a16:creationId xmlns:a16="http://schemas.microsoft.com/office/drawing/2014/main" id="{9A9123B7-2B87-2C0E-7FF1-121A613F0820}"/>
              </a:ext>
            </a:extLst>
          </p:cNvPr>
          <p:cNvSpPr/>
          <p:nvPr/>
        </p:nvSpPr>
        <p:spPr bwMode="gray">
          <a:xfrm>
            <a:off x="8072934" y="6073337"/>
            <a:ext cx="812800" cy="464461"/>
          </a:xfrm>
          <a:prstGeom prst="flowChartMagneticDisk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76AEF364-E6F3-B14D-13E2-5772EC2ECA15}"/>
              </a:ext>
            </a:extLst>
          </p:cNvPr>
          <p:cNvCxnSpPr>
            <a:cxnSpLocks/>
            <a:stCxn id="16" idx="2"/>
            <a:endCxn id="26" idx="1"/>
          </p:cNvCxnSpPr>
          <p:nvPr/>
        </p:nvCxnSpPr>
        <p:spPr>
          <a:xfrm>
            <a:off x="7618228" y="5158780"/>
            <a:ext cx="861106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TextBox 47">
            <a:extLst>
              <a:ext uri="{FF2B5EF4-FFF2-40B4-BE49-F238E27FC236}">
                <a16:creationId xmlns:a16="http://schemas.microsoft.com/office/drawing/2014/main" id="{130DCA29-2D63-7E8F-0A82-C1FAD5205B55}"/>
              </a:ext>
            </a:extLst>
          </p:cNvPr>
          <p:cNvSpPr txBox="1"/>
          <p:nvPr/>
        </p:nvSpPr>
        <p:spPr>
          <a:xfrm>
            <a:off x="389744" y="3964760"/>
            <a:ext cx="5168738" cy="22159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input channel calls the Validation Agent, checks the file consistency versus the technical specification, based on a prompt and record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Reporting agent can read out past validations and provide inform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ification Agent will inform end users on configured channels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0" name="Graphic 49" descr="Envelope with solid fill">
            <a:extLst>
              <a:ext uri="{FF2B5EF4-FFF2-40B4-BE49-F238E27FC236}">
                <a16:creationId xmlns:a16="http://schemas.microsoft.com/office/drawing/2014/main" id="{DD5AE46D-3177-32EA-3BC3-BB6C40D1F3F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077109" y="2375138"/>
            <a:ext cx="914400" cy="914400"/>
          </a:xfrm>
          <a:prstGeom prst="rect">
            <a:avLst/>
          </a:prstGeom>
        </p:spPr>
      </p:pic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449A7C3E-01DC-E237-AC53-6A749A2BA3D9}"/>
              </a:ext>
            </a:extLst>
          </p:cNvPr>
          <p:cNvCxnSpPr>
            <a:cxnSpLocks/>
          </p:cNvCxnSpPr>
          <p:nvPr/>
        </p:nvCxnSpPr>
        <p:spPr>
          <a:xfrm flipV="1">
            <a:off x="10534310" y="3060467"/>
            <a:ext cx="0" cy="118391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587B1A78-8CC1-85B9-7B79-93A462824649}"/>
              </a:ext>
            </a:extLst>
          </p:cNvPr>
          <p:cNvCxnSpPr>
            <a:stCxn id="26" idx="1"/>
            <a:endCxn id="24" idx="2"/>
          </p:cNvCxnSpPr>
          <p:nvPr/>
        </p:nvCxnSpPr>
        <p:spPr>
          <a:xfrm flipV="1">
            <a:off x="8479334" y="5158780"/>
            <a:ext cx="591479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1F7B99EF-3710-24D4-4DA5-529E17379E9A}"/>
              </a:ext>
            </a:extLst>
          </p:cNvPr>
          <p:cNvCxnSpPr>
            <a:cxnSpLocks/>
          </p:cNvCxnSpPr>
          <p:nvPr/>
        </p:nvCxnSpPr>
        <p:spPr>
          <a:xfrm flipV="1">
            <a:off x="7907311" y="3615953"/>
            <a:ext cx="473573" cy="581045"/>
          </a:xfrm>
          <a:prstGeom prst="straightConnector1">
            <a:avLst/>
          </a:prstGeom>
          <a:ln w="25400">
            <a:solidFill>
              <a:schemeClr val="tx1"/>
            </a:solidFill>
            <a:prstDash val="sysDash"/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163929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B216EF-1763-059E-6E8A-AFC1A0901E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75FF747B-22D5-3078-BC09-267FBF4D49D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Architecture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Overview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D15EFE48-BEEB-7B8A-2031-5FB3D18A07B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505690D6-1EBE-C42E-EBC9-E9E01A608FF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82328" y="1228060"/>
            <a:ext cx="6382974" cy="49662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183414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4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20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2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7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034DD3E1-2858-4C70-BC3A-61FB10763B47}">
  <ds:schemaRefs/>
</ds:datastoreItem>
</file>

<file path=customXml/itemProps11.xml><?xml version="1.0" encoding="utf-8"?>
<ds:datastoreItem xmlns:ds="http://schemas.openxmlformats.org/officeDocument/2006/customXml" ds:itemID="{BE35CB75-D316-A442-AF6F-E30B686305AD}">
  <ds:schemaRefs/>
</ds:datastoreItem>
</file>

<file path=customXml/itemProps12.xml><?xml version="1.0" encoding="utf-8"?>
<ds:datastoreItem xmlns:ds="http://schemas.openxmlformats.org/officeDocument/2006/customXml" ds:itemID="{3E4381A6-8E2C-574D-B48E-536A53B18F66}">
  <ds:schemaRefs/>
</ds:datastoreItem>
</file>

<file path=customXml/itemProps13.xml><?xml version="1.0" encoding="utf-8"?>
<ds:datastoreItem xmlns:ds="http://schemas.openxmlformats.org/officeDocument/2006/customXml" ds:itemID="{118DC9FA-6E7A-134A-A4CB-DB7E25529BCD}">
  <ds:schemaRefs/>
</ds:datastoreItem>
</file>

<file path=customXml/itemProps14.xml><?xml version="1.0" encoding="utf-8"?>
<ds:datastoreItem xmlns:ds="http://schemas.openxmlformats.org/officeDocument/2006/customXml" ds:itemID="{3B62FFE9-ED73-4F57-B7FD-1898883AC30C}">
  <ds:schemaRefs/>
</ds:datastoreItem>
</file>

<file path=customXml/itemProps15.xml><?xml version="1.0" encoding="utf-8"?>
<ds:datastoreItem xmlns:ds="http://schemas.openxmlformats.org/officeDocument/2006/customXml" ds:itemID="{8D60027D-B63E-433E-BB56-64F598DA4B11}">
  <ds:schemaRefs/>
</ds:datastoreItem>
</file>

<file path=customXml/itemProps16.xml><?xml version="1.0" encoding="utf-8"?>
<ds:datastoreItem xmlns:ds="http://schemas.openxmlformats.org/officeDocument/2006/customXml" ds:itemID="{FB378D73-682D-4B5C-B045-A467836EDC7E}">
  <ds:schemaRefs/>
</ds:datastoreItem>
</file>

<file path=customXml/itemProps17.xml><?xml version="1.0" encoding="utf-8"?>
<ds:datastoreItem xmlns:ds="http://schemas.openxmlformats.org/officeDocument/2006/customXml" ds:itemID="{FB3CBE98-0F50-4DCC-AB6D-9CE0DBAA75FF}">
  <ds:schemaRefs/>
</ds:datastoreItem>
</file>

<file path=customXml/itemProps18.xml><?xml version="1.0" encoding="utf-8"?>
<ds:datastoreItem xmlns:ds="http://schemas.openxmlformats.org/officeDocument/2006/customXml" ds:itemID="{97E3BD22-8559-41C7-B32B-85AADBCE3220}">
  <ds:schemaRefs/>
</ds:datastoreItem>
</file>

<file path=customXml/itemProps19.xml><?xml version="1.0" encoding="utf-8"?>
<ds:datastoreItem xmlns:ds="http://schemas.openxmlformats.org/officeDocument/2006/customXml" ds:itemID="{CD69D8E4-3079-0947-A87B-18CDAB899542}">
  <ds:schemaRefs/>
</ds:datastoreItem>
</file>

<file path=customXml/itemProps2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customXml/itemProps20.xml><?xml version="1.0" encoding="utf-8"?>
<ds:datastoreItem xmlns:ds="http://schemas.openxmlformats.org/officeDocument/2006/customXml" ds:itemID="{F444086E-23D4-43AE-9B84-AA7543534A61}">
  <ds:schemaRefs/>
</ds:datastoreItem>
</file>

<file path=customXml/itemProps21.xml><?xml version="1.0" encoding="utf-8"?>
<ds:datastoreItem xmlns:ds="http://schemas.openxmlformats.org/officeDocument/2006/customXml" ds:itemID="{5E726EAB-FE30-4F4D-A478-DE4759D9A12E}">
  <ds:schemaRefs/>
</ds:datastoreItem>
</file>

<file path=customXml/itemProps22.xml><?xml version="1.0" encoding="utf-8"?>
<ds:datastoreItem xmlns:ds="http://schemas.openxmlformats.org/officeDocument/2006/customXml" ds:itemID="{A3EC6DE2-FD66-684A-AC9E-08E25388DBEF}">
  <ds:schemaRefs/>
</ds:datastoreItem>
</file>

<file path=customXml/itemProps23.xml><?xml version="1.0" encoding="utf-8"?>
<ds:datastoreItem xmlns:ds="http://schemas.openxmlformats.org/officeDocument/2006/customXml" ds:itemID="{77EBBC25-7217-6047-A6FE-6E3834623618}">
  <ds:schemaRefs/>
</ds:datastoreItem>
</file>

<file path=customXml/itemProps24.xml><?xml version="1.0" encoding="utf-8"?>
<ds:datastoreItem xmlns:ds="http://schemas.openxmlformats.org/officeDocument/2006/customXml" ds:itemID="{538A7E94-9A75-944B-BB53-DAD192A33F0F}">
  <ds:schemaRefs/>
</ds:datastoreItem>
</file>

<file path=customXml/itemProps25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6.xml><?xml version="1.0" encoding="utf-8"?>
<ds:datastoreItem xmlns:ds="http://schemas.openxmlformats.org/officeDocument/2006/customXml" ds:itemID="{EA0EFD7B-A280-45FB-AEC3-B703B28210D9}">
  <ds:schemaRefs/>
</ds:datastoreItem>
</file>

<file path=customXml/itemProps27.xml><?xml version="1.0" encoding="utf-8"?>
<ds:datastoreItem xmlns:ds="http://schemas.openxmlformats.org/officeDocument/2006/customXml" ds:itemID="{CC49FFC8-2FF3-4057-96F0-3BCD1A4F0351}">
  <ds:schemaRefs/>
</ds:datastoreItem>
</file>

<file path=customXml/itemProps3.xml><?xml version="1.0" encoding="utf-8"?>
<ds:datastoreItem xmlns:ds="http://schemas.openxmlformats.org/officeDocument/2006/customXml" ds:itemID="{7F6898E6-9ADD-4538-B0E5-FC21C8DB6903}">
  <ds:schemaRefs/>
</ds:datastoreItem>
</file>

<file path=customXml/itemProps4.xml><?xml version="1.0" encoding="utf-8"?>
<ds:datastoreItem xmlns:ds="http://schemas.openxmlformats.org/officeDocument/2006/customXml" ds:itemID="{626BBCBB-1894-4E66-BA48-9E91CE3ACBA0}">
  <ds:schemaRefs/>
</ds:datastoreItem>
</file>

<file path=customXml/itemProps5.xml><?xml version="1.0" encoding="utf-8"?>
<ds:datastoreItem xmlns:ds="http://schemas.openxmlformats.org/officeDocument/2006/customXml" ds:itemID="{32B4CE40-A540-46F0-A4B7-2503498DD8B0}">
  <ds:schemaRefs/>
</ds:datastoreItem>
</file>

<file path=customXml/itemProps6.xml><?xml version="1.0" encoding="utf-8"?>
<ds:datastoreItem xmlns:ds="http://schemas.openxmlformats.org/officeDocument/2006/customXml" ds:itemID="{47869D81-24A3-1649-A7BC-E604AE89024C}">
  <ds:schemaRefs/>
</ds:datastoreItem>
</file>

<file path=customXml/itemProps7.xml><?xml version="1.0" encoding="utf-8"?>
<ds:datastoreItem xmlns:ds="http://schemas.openxmlformats.org/officeDocument/2006/customXml" ds:itemID="{E592BBB8-4E80-3C45-BEE9-486ED596EB3C}">
  <ds:schemaRefs/>
</ds:datastoreItem>
</file>

<file path=customXml/itemProps8.xml><?xml version="1.0" encoding="utf-8"?>
<ds:datastoreItem xmlns:ds="http://schemas.openxmlformats.org/officeDocument/2006/customXml" ds:itemID="{0EC57229-3C66-4E28-BE75-EC4AA2288617}">
  <ds:schemaRefs/>
</ds:datastoreItem>
</file>

<file path=customXml/itemProps9.xml><?xml version="1.0" encoding="utf-8"?>
<ds:datastoreItem xmlns:ds="http://schemas.openxmlformats.org/officeDocument/2006/customXml" ds:itemID="{DF3DA119-9F3B-B04F-B2CE-ED7B6150E810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50</TotalTime>
  <Words>151</Words>
  <Application>Microsoft Office PowerPoint</Application>
  <PresentationFormat>Custom</PresentationFormat>
  <Paragraphs>40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3" baseType="lpstr">
      <vt:lpstr>Arial</vt:lpstr>
      <vt:lpstr>72 Brand</vt:lpstr>
      <vt:lpstr>wingdings</vt:lpstr>
      <vt:lpstr>72 Brand Medium</vt:lpstr>
      <vt:lpstr>Courier New</vt:lpstr>
      <vt:lpstr>Roboto</vt:lpstr>
      <vt:lpstr>wingdings</vt:lpstr>
      <vt:lpstr>Arial Unicode MS</vt:lpstr>
      <vt:lpstr>Symbol</vt:lpstr>
      <vt:lpstr>SAP Template 2023</vt:lpstr>
      <vt:lpstr>Agentic Era Hackathon - FinAgentX</vt:lpstr>
      <vt:lpstr>Agentic Era Hackathon - FinAgentX</vt:lpstr>
      <vt:lpstr>Agentic Era Hackathon - FinAgentX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utscher, Stefan</dc:creator>
  <cp:keywords>2023/16:9/white</cp:keywords>
  <dc:description/>
  <cp:lastModifiedBy>Butscher, Stefan</cp:lastModifiedBy>
  <cp:revision>8</cp:revision>
  <dcterms:created xsi:type="dcterms:W3CDTF">2025-09-10T14:23:22Z</dcterms:created>
  <dcterms:modified xsi:type="dcterms:W3CDTF">2025-09-18T13:41:4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